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1_松江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4" uniqueCount="749">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たわら眼科</t>
    <phoneticPr fontId="3"/>
  </si>
  <si>
    <t>〒692-0022 安来市南十神町17-2</t>
    <phoneticPr fontId="3"/>
  </si>
  <si>
    <t>〇</t>
  </si>
  <si>
    <t>眼科</t>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13277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43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5</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5</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5</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5</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7</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5</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t="s">
        <v>44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t="s">
        <v>44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v>13</v>
      </c>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441</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1</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v>0</v>
      </c>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0</v>
      </c>
      <c r="K171" s="118" t="str">
        <f t="shared" ref="K171:K186" si="2">IF(OR(COUNTIF(L171:O171,"未確認")&gt;0,COUNTIF(L171:O171,"*")&gt;0),"※","")</f>
        <v/>
      </c>
      <c r="L171" s="212">
        <v>0</v>
      </c>
      <c r="M171" s="212"/>
      <c r="N171" s="212">
        <v>0</v>
      </c>
      <c r="O171" s="212">
        <v>0</v>
      </c>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v>0</v>
      </c>
      <c r="M172" s="213"/>
      <c r="N172" s="213">
        <v>0</v>
      </c>
      <c r="O172" s="213">
        <v>0</v>
      </c>
      <c r="P172" s="22"/>
      <c r="Q172" s="22"/>
      <c r="R172" s="22"/>
    </row>
    <row r="173" spans="1:18" s="81" customFormat="1" ht="34.5" customHeight="1" x14ac:dyDescent="0.15">
      <c r="A173" s="197" t="s">
        <v>481</v>
      </c>
      <c r="B173" s="116"/>
      <c r="C173" s="276" t="s">
        <v>78</v>
      </c>
      <c r="D173" s="278"/>
      <c r="E173" s="278"/>
      <c r="F173" s="278"/>
      <c r="G173" s="276" t="s">
        <v>73</v>
      </c>
      <c r="H173" s="278"/>
      <c r="I173" s="347"/>
      <c r="J173" s="210">
        <v>2</v>
      </c>
      <c r="K173" s="118" t="str">
        <f t="shared" si="2"/>
        <v/>
      </c>
      <c r="L173" s="212">
        <v>1</v>
      </c>
      <c r="M173" s="212"/>
      <c r="N173" s="212">
        <v>1</v>
      </c>
      <c r="O173" s="212">
        <v>0</v>
      </c>
      <c r="P173" s="22"/>
      <c r="Q173" s="22"/>
      <c r="R173" s="22"/>
    </row>
    <row r="174" spans="1:18" s="81" customFormat="1" ht="34.5" customHeight="1" x14ac:dyDescent="0.15">
      <c r="A174" s="197" t="s">
        <v>481</v>
      </c>
      <c r="B174" s="116"/>
      <c r="C174" s="278"/>
      <c r="D174" s="278"/>
      <c r="E174" s="278"/>
      <c r="F174" s="278"/>
      <c r="G174" s="276" t="s">
        <v>75</v>
      </c>
      <c r="H174" s="278"/>
      <c r="I174" s="347"/>
      <c r="J174" s="211">
        <v>0</v>
      </c>
      <c r="K174" s="118" t="str">
        <f t="shared" si="2"/>
        <v/>
      </c>
      <c r="L174" s="213">
        <v>0</v>
      </c>
      <c r="M174" s="213"/>
      <c r="N174" s="213">
        <v>0</v>
      </c>
      <c r="O174" s="213">
        <v>0</v>
      </c>
      <c r="P174" s="22"/>
      <c r="Q174" s="22"/>
      <c r="R174" s="22"/>
    </row>
    <row r="175" spans="1:18" s="81" customFormat="1" ht="34.5" customHeight="1" x14ac:dyDescent="0.15">
      <c r="A175" s="197" t="s">
        <v>482</v>
      </c>
      <c r="B175" s="116"/>
      <c r="C175" s="276" t="s">
        <v>79</v>
      </c>
      <c r="D175" s="278"/>
      <c r="E175" s="278"/>
      <c r="F175" s="278"/>
      <c r="G175" s="276" t="s">
        <v>73</v>
      </c>
      <c r="H175" s="278"/>
      <c r="I175" s="347"/>
      <c r="J175" s="210">
        <v>0</v>
      </c>
      <c r="K175" s="118" t="str">
        <f t="shared" si="2"/>
        <v/>
      </c>
      <c r="L175" s="212">
        <v>0</v>
      </c>
      <c r="M175" s="212"/>
      <c r="N175" s="212">
        <v>0</v>
      </c>
      <c r="O175" s="212">
        <v>0</v>
      </c>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v>0</v>
      </c>
      <c r="M176" s="213"/>
      <c r="N176" s="213">
        <v>0</v>
      </c>
      <c r="O176" s="213">
        <v>0</v>
      </c>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v>0</v>
      </c>
      <c r="M177" s="212"/>
      <c r="N177" s="212">
        <v>0</v>
      </c>
      <c r="O177" s="212">
        <v>0</v>
      </c>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v>0</v>
      </c>
      <c r="M178" s="213"/>
      <c r="N178" s="213">
        <v>0</v>
      </c>
      <c r="O178" s="213">
        <v>0</v>
      </c>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v>0</v>
      </c>
      <c r="M179" s="212"/>
      <c r="N179" s="212">
        <v>0</v>
      </c>
      <c r="O179" s="212">
        <v>0</v>
      </c>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v>0</v>
      </c>
      <c r="M180" s="213"/>
      <c r="N180" s="213">
        <v>0</v>
      </c>
      <c r="O180" s="213">
        <v>0</v>
      </c>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v>0</v>
      </c>
      <c r="M181" s="212"/>
      <c r="N181" s="212">
        <v>0</v>
      </c>
      <c r="O181" s="212">
        <v>0</v>
      </c>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v>0</v>
      </c>
      <c r="M182" s="213"/>
      <c r="N182" s="213">
        <v>0</v>
      </c>
      <c r="O182" s="213">
        <v>0</v>
      </c>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v>0</v>
      </c>
      <c r="M183" s="212"/>
      <c r="N183" s="212">
        <v>0</v>
      </c>
      <c r="O183" s="212">
        <v>0</v>
      </c>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v>0</v>
      </c>
      <c r="M184" s="213"/>
      <c r="N184" s="213">
        <v>0</v>
      </c>
      <c r="O184" s="213">
        <v>0</v>
      </c>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v>0</v>
      </c>
      <c r="M185" s="212"/>
      <c r="N185" s="212">
        <v>0</v>
      </c>
      <c r="O185" s="212">
        <v>0</v>
      </c>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v>0</v>
      </c>
      <c r="M186" s="213"/>
      <c r="N186" s="213">
        <v>0</v>
      </c>
      <c r="O186" s="213">
        <v>0</v>
      </c>
      <c r="P186" s="22"/>
      <c r="Q186" s="22"/>
      <c r="R186" s="22"/>
    </row>
    <row r="187" spans="1:18" s="81" customFormat="1" ht="34.5" customHeight="1" x14ac:dyDescent="0.15">
      <c r="A187" s="197" t="s">
        <v>488</v>
      </c>
      <c r="B187" s="88"/>
      <c r="C187" s="276" t="s">
        <v>85</v>
      </c>
      <c r="D187" s="322"/>
      <c r="E187" s="322"/>
      <c r="F187" s="322"/>
      <c r="G187" s="276" t="s">
        <v>73</v>
      </c>
      <c r="H187" s="322"/>
      <c r="I187" s="347"/>
      <c r="J187" s="210">
        <v>0</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0</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0</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v>0</v>
      </c>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v>0</v>
      </c>
      <c r="M191" s="212"/>
      <c r="N191" s="212">
        <v>0</v>
      </c>
      <c r="O191" s="212">
        <v>0</v>
      </c>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v>0</v>
      </c>
      <c r="M192" s="213"/>
      <c r="N192" s="213">
        <v>0</v>
      </c>
      <c r="O192" s="213">
        <v>0</v>
      </c>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v>0</v>
      </c>
      <c r="M193" s="212"/>
      <c r="N193" s="212">
        <v>0</v>
      </c>
      <c r="O193" s="212">
        <v>0</v>
      </c>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v>0</v>
      </c>
      <c r="M194" s="213"/>
      <c r="N194" s="213">
        <v>0</v>
      </c>
      <c r="O194" s="213">
        <v>0</v>
      </c>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t="s">
        <v>441</v>
      </c>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v>0</v>
      </c>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v>0</v>
      </c>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v>0</v>
      </c>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v>0</v>
      </c>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v>0</v>
      </c>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v>0</v>
      </c>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v>0</v>
      </c>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v>0</v>
      </c>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v>0</v>
      </c>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v>0</v>
      </c>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v>0</v>
      </c>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v>0</v>
      </c>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v>0</v>
      </c>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v>0</v>
      </c>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v>0</v>
      </c>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v>0</v>
      </c>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v>0</v>
      </c>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440</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746</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v>124</v>
      </c>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v>0</v>
      </c>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v>0</v>
      </c>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v>124</v>
      </c>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v>124</v>
      </c>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124</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124</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v>0</v>
      </c>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v>0</v>
      </c>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v>0</v>
      </c>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v>0</v>
      </c>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v>0</v>
      </c>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124</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124</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v>0</v>
      </c>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v>0</v>
      </c>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v>0</v>
      </c>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v>0</v>
      </c>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v>0</v>
      </c>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v>0</v>
      </c>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v>0</v>
      </c>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124</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v>0</v>
      </c>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v>0</v>
      </c>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124</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v>0</v>
      </c>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t="s">
        <v>748</v>
      </c>
      <c r="K332" s="118" t="str">
        <f>IF(OR(COUNTIF(J332,"未確認")&gt;0,COUNTIF(J332,"*")&gt;0),"※","")</f>
        <v>※</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0</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v>0</v>
      </c>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v>0</v>
      </c>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v>0</v>
      </c>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v>0</v>
      </c>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v>13</v>
      </c>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v>0</v>
      </c>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v>0</v>
      </c>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v>0</v>
      </c>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v>13</v>
      </c>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v>0</v>
      </c>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v>0</v>
      </c>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v>0</v>
      </c>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v>0</v>
      </c>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v>0</v>
      </c>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v>0</v>
      </c>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v>0</v>
      </c>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v>0</v>
      </c>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v>0</v>
      </c>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v>0</v>
      </c>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v>0</v>
      </c>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t="s">
        <v>748</v>
      </c>
      <c r="K474" s="118" t="str">
        <f t="shared" si="9"/>
        <v>※</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v>0</v>
      </c>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v>0</v>
      </c>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v>0</v>
      </c>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v>0</v>
      </c>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v>0</v>
      </c>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v>0</v>
      </c>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40:09Z</dcterms:modified>
</cp:coreProperties>
</file>